
<file path=[Content_Types].xml><?xml version="1.0" encoding="utf-8"?>
<Types xmlns="http://schemas.openxmlformats.org/package/2006/content-types">
  <Default Extension="rels" ContentType="application/vnd.openxmlformats-package.relationships+xml"/>
  <Default Extension="tmp" ContentType="image/png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10B6CDDD" w:rsidR="009000CE" w:rsidRDefault="00ED34AE" w:rsidP="00ED34AE">
                <w:pPr>
                  <w:pStyle w:val="Title"/>
                </w:pPr>
                <w:r>
                  <w:t>&lt;</w:t>
                </w:r>
                <w:r w:rsidR="00A8315C">
                  <w:t>Sydney Airbnb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34DF9013" w14:textId="165B5624" w:rsidR="000450C1" w:rsidRDefault="00000000" w:rsidP="000450C1">
            <w:pPr>
              <w:pStyle w:val="Heading3"/>
            </w:pPr>
            <w:sdt>
              <w:sdtPr>
                <w:rPr>
                  <w:lang w:eastAsia="en-US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0450C1">
                  <w:rPr>
                    <w:lang w:eastAsia="en-US"/>
                  </w:rPr>
                  <w:t>Chelzie Castanares – s5259144, Thien Thao My Bui – s5273753</w:t>
                </w:r>
              </w:sdtContent>
            </w:sdt>
          </w:p>
          <w:p w14:paraId="731D4453" w14:textId="6CB69E30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551F62FB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FD49F8">
                  <w:t>8/010/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 w:rsidSect="00CC258A">
          <w:footerReference w:type="default" r:id="rId8"/>
          <w:footerReference w:type="first" r:id="rId9"/>
          <w:pgSz w:w="12240" w:h="15840" w:code="1"/>
          <w:pgMar w:top="1440" w:right="1440" w:bottom="1440" w:left="1440" w:header="720" w:footer="720" w:gutter="0"/>
          <w:pgBorders w:offsetFrom="page">
            <w:top w:val="thinThickSmallGap" w:sz="24" w:space="24" w:color="4472C4" w:themeColor="accent5"/>
            <w:left w:val="thinThickSmallGap" w:sz="24" w:space="24" w:color="4472C4" w:themeColor="accent5"/>
            <w:bottom w:val="thickThinSmallGap" w:sz="24" w:space="24" w:color="4472C4" w:themeColor="accent5"/>
            <w:right w:val="thickThinSmallGap" w:sz="24" w:space="24" w:color="4472C4" w:themeColor="accent5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E9E7FA4" w14:textId="180CE373" w:rsidR="002D4235" w:rsidRDefault="00184AA9" w:rsidP="007E31C8">
      <w:pPr>
        <w:ind w:left="0"/>
        <w:rPr>
          <w:color w:val="FF0000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15967331" w14:textId="0C020DE5" w:rsidR="000B208E" w:rsidRPr="00E10917" w:rsidRDefault="003F5AC1" w:rsidP="00C62F98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his report was conducted to 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develop a visuali</w:t>
      </w:r>
      <w:r w:rsidR="0026625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ation tool for the client Airbnb, by providing data analysis 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of properties within Sydney</w:t>
      </w:r>
      <w:r w:rsidR="0005617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o help the business </w:t>
      </w:r>
      <w:r w:rsidR="00793874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understand patterns and trends in order to 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grow and maximi</w:t>
      </w:r>
      <w:r w:rsidR="0026625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e </w:t>
      </w:r>
      <w:r w:rsidR="00793874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profits. As a leading global hospitality business specialising in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ccommodation, many of Airbnb’s clients are in need of finding the perfect accommodation within their budget and ideal location. </w:t>
      </w:r>
      <w:r w:rsidR="00406DF8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Thus,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 visualisation tool was created to help the </w:t>
      </w:r>
      <w:r w:rsidR="00406DF8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clients and Airbnb with concerns regarding </w:t>
      </w:r>
      <w:r w:rsidR="00E71CA2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accommodation</w:t>
      </w:r>
      <w:r w:rsidR="00406DF8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.</w:t>
      </w:r>
      <w:r w:rsidR="0005617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e data set that was given covered the date range from December 2018 – 2019 and displayed all active properties within Sydney. The goal of the visualisation tool were to form the following tasks:</w:t>
      </w:r>
    </w:p>
    <w:p w14:paraId="0A5E13C7" w14:textId="4026B244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Within a user-selected period, return all the listings in a specified suburb.</w:t>
      </w:r>
    </w:p>
    <w:p w14:paraId="56296AAB" w14:textId="37AF1968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Within a user-selected period, display the distribution of prices of properties using a chart.</w:t>
      </w:r>
    </w:p>
    <w:p w14:paraId="0DEE16DD" w14:textId="63070B9F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Within a user-selected period, retrieve all records that contain a specific keyword (e.g., pool, 2-bedroom).</w:t>
      </w:r>
    </w:p>
    <w:p w14:paraId="4484EBC5" w14:textId="12094F55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Analyse the comments relating to cleanliness of the property such as (dust, dirt etc.).</w:t>
      </w:r>
    </w:p>
    <w:p w14:paraId="4059D5E6" w14:textId="7FB2A963" w:rsidR="00C62F98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bookmarkStart w:id="0" w:name="_Hlk144990369"/>
      <w:bookmarkEnd w:id="0"/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Return the average review score and variations of a user-selected property.</w:t>
      </w:r>
    </w:p>
    <w:p w14:paraId="2DB0B89E" w14:textId="77777777" w:rsidR="00056170" w:rsidRDefault="00056170" w:rsidP="00056170">
      <w:pPr>
        <w:pStyle w:val="ListParagraph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</w:p>
    <w:p w14:paraId="093948C5" w14:textId="77777777" w:rsidR="00056170" w:rsidRPr="00056170" w:rsidRDefault="00056170" w:rsidP="00056170">
      <w:pPr>
        <w:pStyle w:val="ListParagraph"/>
        <w:spacing w:after="0" w:line="240" w:lineRule="auto"/>
        <w:jc w:val="both"/>
        <w:rPr>
          <w:rStyle w:val="Heading1Char"/>
          <w:rFonts w:ascii="Times New Roman" w:eastAsia="Times New Roman" w:hAnsi="Times New Roman" w:cs="Times New Roman"/>
          <w:b w:val="0"/>
          <w:color w:val="000000"/>
          <w:sz w:val="22"/>
          <w:szCs w:val="21"/>
          <w:lang w:eastAsia="en-GB"/>
        </w:rPr>
      </w:pPr>
    </w:p>
    <w:p w14:paraId="6F1BF6D5" w14:textId="6A9EA4AF" w:rsidR="000B208E" w:rsidRPr="003F5AC1" w:rsidRDefault="000B208E" w:rsidP="000B208E">
      <w:pPr>
        <w:ind w:left="0"/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 xml:space="preserve">Based on the requirements of your dataset, put the results of your analysis of a </w:t>
      </w:r>
      <w:proofErr w:type="gramStart"/>
      <w:r w:rsidRPr="00ED34AE">
        <w:rPr>
          <w:color w:val="FF0000"/>
        </w:rPr>
        <w:t>12 month</w:t>
      </w:r>
      <w:proofErr w:type="gramEnd"/>
      <w:r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>
        <w:rPr>
          <w:color w:val="FF0000"/>
        </w:rPr>
        <w:t xml:space="preserve"> You may include images from your program as well as your own description of the results.</w:t>
      </w:r>
    </w:p>
    <w:p w14:paraId="70C814E0" w14:textId="79504BC9" w:rsidR="009000CE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1 </w:t>
      </w:r>
      <w:r w:rsidR="00406DF8">
        <w:rPr>
          <w:rStyle w:val="Heading1Char"/>
          <w:b/>
        </w:rPr>
        <w:t xml:space="preserve"> -  Specified Suburb </w:t>
      </w:r>
      <w:r>
        <w:rPr>
          <w:rStyle w:val="Heading1Char"/>
          <w:b/>
        </w:rPr>
        <w:t>&lt;</w:t>
      </w:r>
      <w:r w:rsidR="00406DF8">
        <w:rPr>
          <w:rStyle w:val="Heading1Char"/>
          <w:b/>
        </w:rPr>
        <w:t xml:space="preserve">Report all listings in a specified </w:t>
      </w:r>
      <w:r w:rsidR="00483A17">
        <w:rPr>
          <w:rStyle w:val="Heading1Char"/>
          <w:b/>
        </w:rPr>
        <w:t>suburb</w:t>
      </w:r>
      <w:r>
        <w:rPr>
          <w:rStyle w:val="Heading1Char"/>
          <w:b/>
        </w:rPr>
        <w:t>&gt;</w:t>
      </w:r>
    </w:p>
    <w:p w14:paraId="5805855F" w14:textId="6A8611E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346AE5C0" wp14:editId="79DC645C">
            <wp:extent cx="5943600" cy="4428490"/>
            <wp:effectExtent l="0" t="0" r="0" b="0"/>
            <wp:docPr id="441063215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1063215" name="Picture 2" descr="A screenshot of a computer&#10;&#10;Description automatically generated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284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F524C29" w14:textId="63D0918D" w:rsidR="003851A5" w:rsidRDefault="00F9469A" w:rsidP="00F9469A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As shown in the image above, the e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nter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>ed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period of time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is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01/12/2019 – 06/12/2019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with the following 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specified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uburbs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being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algowlah, North Sydney &amp; Bondi Beach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. The results of this search will then show all the available listings within these suburbs as provided in the </w:t>
      </w:r>
      <w:r w:rsidR="007D6D6D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next two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image</w:t>
      </w:r>
      <w:r w:rsidR="007D6D6D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elow. </w:t>
      </w:r>
    </w:p>
    <w:p w14:paraId="16E3F751" w14:textId="3654A1AD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lastRenderedPageBreak/>
        <w:drawing>
          <wp:inline distT="0" distB="0" distL="0" distR="0" wp14:anchorId="67CB3F1D" wp14:editId="6DC7E79E">
            <wp:extent cx="5225415" cy="3313338"/>
            <wp:effectExtent l="0" t="0" r="0" b="1905"/>
            <wp:docPr id="1039044142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39044142" name="Picture 1039044142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36125" cy="33201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A95EF2" w14:textId="485BA18B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0C4EA8E0" wp14:editId="4ABE508E">
            <wp:extent cx="5225873" cy="3348802"/>
            <wp:effectExtent l="0" t="0" r="0" b="4445"/>
            <wp:docPr id="2134914063" name="Picture 4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34914063" name="Picture 2134914063" descr="Sydney Airbnb Listings - Personal - Microsoft​ Edge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230159" cy="335154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D534935" w14:textId="60DD82A8" w:rsidR="003851A5" w:rsidRPr="00027185" w:rsidRDefault="00F9469A" w:rsidP="00F9469A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Therefore, the user is able to select either one or multiple suburbs depending on their preference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period of time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c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an click in the table to observe all the record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s.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is is a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n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essential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functionality 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as it allows the clients to be 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more 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>efficient and target the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ir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0433E8">
        <w:rPr>
          <w:rFonts w:ascii="Times New Roman" w:hAnsi="Times New Roman" w:cs="Times New Roman"/>
          <w:color w:val="000000" w:themeColor="text1"/>
          <w:sz w:val="24"/>
          <w:szCs w:val="24"/>
        </w:rPr>
        <w:t>ideal location of stay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,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making their holiday planning much easier.</w:t>
      </w:r>
    </w:p>
    <w:p w14:paraId="6A7BD116" w14:textId="4E1BC96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2 </w:t>
      </w:r>
      <w:r w:rsidR="00041250">
        <w:rPr>
          <w:rStyle w:val="Heading1Char"/>
          <w:b/>
        </w:rPr>
        <w:t xml:space="preserve">– Price of Properties </w:t>
      </w:r>
      <w:r>
        <w:rPr>
          <w:rStyle w:val="Heading1Char"/>
          <w:b/>
        </w:rPr>
        <w:t>&lt;</w:t>
      </w:r>
      <w:r w:rsidR="00041250">
        <w:rPr>
          <w:rStyle w:val="Heading1Char"/>
          <w:b/>
        </w:rPr>
        <w:t xml:space="preserve">Displays distribution price of properties </w:t>
      </w:r>
      <w:r>
        <w:rPr>
          <w:rStyle w:val="Heading1Char"/>
          <w:b/>
        </w:rPr>
        <w:t>&gt;</w:t>
      </w:r>
    </w:p>
    <w:p w14:paraId="654A8012" w14:textId="63643EAF" w:rsidR="003851A5" w:rsidRDefault="00BB19B5" w:rsidP="003851A5">
      <w:pPr>
        <w:ind w:left="0"/>
      </w:pPr>
      <w:r>
        <w:rPr>
          <w:noProof/>
        </w:rPr>
        <w:drawing>
          <wp:inline distT="0" distB="0" distL="0" distR="0" wp14:anchorId="17C5A28F" wp14:editId="2A779CA7">
            <wp:extent cx="5943600" cy="3808730"/>
            <wp:effectExtent l="0" t="0" r="0" b="1270"/>
            <wp:docPr id="832883860" name="Picture 5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32883860" name="Picture 832883860" descr="Sydney Airbnb Listings - Personal - Microsoft​ Edge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08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8860ACE" w14:textId="626488F0" w:rsidR="00ED077C" w:rsidRPr="00ED077C" w:rsidRDefault="00E02D3F" w:rsidP="00DE4C03">
      <w:pPr>
        <w:spacing w:line="240" w:lineRule="auto"/>
        <w:ind w:left="0"/>
        <w:jc w:val="both"/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The second analysis focuses on the second task of the visualisation tool which is to display the prices of Airbnb properties within Sydney using a chart.</w:t>
      </w:r>
      <w:r w:rsid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e image above displays the prices of the properties in a bar chart between the user selected period: 1/12/2019 – 6/12/2019 and the following suburbs: </w:t>
      </w:r>
      <w:r w:rsidR="00E10917">
        <w:rPr>
          <w:rFonts w:ascii="Times New Roman" w:hAnsi="Times New Roman" w:cs="Times New Roman"/>
          <w:color w:val="000000" w:themeColor="text1"/>
          <w:sz w:val="24"/>
          <w:szCs w:val="24"/>
        </w:rPr>
        <w:t>Balgowlah, North Sydney &amp; Bondi Beach.</w:t>
      </w:r>
      <w:r w:rsidR="00ED077C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ased on the results, about 40,000 properties within those suburbs are below the price range of $1000, meaning that Airbnb properties within these regions are pretty affordable. This </w:t>
      </w:r>
      <w:r w:rsidR="003F403D">
        <w:rPr>
          <w:rFonts w:ascii="Times New Roman" w:hAnsi="Times New Roman" w:cs="Times New Roman"/>
          <w:color w:val="000000" w:themeColor="text1"/>
          <w:sz w:val="24"/>
          <w:szCs w:val="24"/>
        </w:rPr>
        <w:t>task</w:t>
      </w:r>
      <w:r w:rsidR="00ED077C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plays a big role in a client’s decision of staying in an Airbnb as they can filter out areas that are out of their budget or find areas that are within their budget.</w:t>
      </w:r>
    </w:p>
    <w:p w14:paraId="500B3735" w14:textId="29CED0AE" w:rsidR="00BB19B5" w:rsidRPr="00E10917" w:rsidRDefault="00DE4C03" w:rsidP="00DE4C03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 w:rsidRPr="00E10917">
        <w:rPr>
          <w:rFonts w:ascii="Times New Roman" w:hAnsi="Times New Roman" w:cs="Times New Roman"/>
          <w:sz w:val="24"/>
          <w:szCs w:val="24"/>
        </w:rPr>
        <w:t xml:space="preserve">The </w:t>
      </w:r>
      <w:r w:rsidR="00521BE6">
        <w:rPr>
          <w:rFonts w:ascii="Times New Roman" w:hAnsi="Times New Roman" w:cs="Times New Roman"/>
          <w:sz w:val="24"/>
          <w:szCs w:val="24"/>
        </w:rPr>
        <w:t xml:space="preserve">bar chart </w:t>
      </w:r>
      <w:r w:rsidR="00ED077C">
        <w:rPr>
          <w:rFonts w:ascii="Times New Roman" w:hAnsi="Times New Roman" w:cs="Times New Roman"/>
          <w:sz w:val="24"/>
          <w:szCs w:val="24"/>
        </w:rPr>
        <w:t>is also able to</w:t>
      </w:r>
      <w:r w:rsidR="00521BE6">
        <w:rPr>
          <w:rFonts w:ascii="Times New Roman" w:hAnsi="Times New Roman" w:cs="Times New Roman"/>
          <w:sz w:val="24"/>
          <w:szCs w:val="24"/>
        </w:rPr>
        <w:t xml:space="preserve"> be</w:t>
      </w:r>
      <w:r w:rsidR="00ED077C">
        <w:rPr>
          <w:rFonts w:ascii="Times New Roman" w:hAnsi="Times New Roman" w:cs="Times New Roman"/>
          <w:sz w:val="24"/>
          <w:szCs w:val="24"/>
        </w:rPr>
        <w:t xml:space="preserve"> zoom</w:t>
      </w:r>
      <w:r w:rsidR="00521BE6">
        <w:rPr>
          <w:rFonts w:ascii="Times New Roman" w:hAnsi="Times New Roman" w:cs="Times New Roman"/>
          <w:sz w:val="24"/>
          <w:szCs w:val="24"/>
        </w:rPr>
        <w:t>ed</w:t>
      </w:r>
      <w:r w:rsidR="00ED077C">
        <w:rPr>
          <w:rFonts w:ascii="Times New Roman" w:hAnsi="Times New Roman" w:cs="Times New Roman"/>
          <w:sz w:val="24"/>
          <w:szCs w:val="24"/>
        </w:rPr>
        <w:t xml:space="preserve"> i</w:t>
      </w:r>
      <w:r w:rsidR="00521BE6">
        <w:rPr>
          <w:rFonts w:ascii="Times New Roman" w:hAnsi="Times New Roman" w:cs="Times New Roman"/>
          <w:sz w:val="24"/>
          <w:szCs w:val="24"/>
        </w:rPr>
        <w:t>n to get a closer view on</w:t>
      </w:r>
      <w:r w:rsidR="00ED077C">
        <w:rPr>
          <w:rFonts w:ascii="Times New Roman" w:hAnsi="Times New Roman" w:cs="Times New Roman"/>
          <w:sz w:val="24"/>
          <w:szCs w:val="24"/>
        </w:rPr>
        <w:t xml:space="preserve"> the figures</w:t>
      </w:r>
      <w:r w:rsidR="00521BE6">
        <w:rPr>
          <w:rFonts w:ascii="Times New Roman" w:hAnsi="Times New Roman" w:cs="Times New Roman"/>
          <w:sz w:val="24"/>
          <w:szCs w:val="24"/>
        </w:rPr>
        <w:t xml:space="preserve"> as shown in the </w:t>
      </w:r>
      <w:r w:rsidR="00ED077C">
        <w:rPr>
          <w:rFonts w:ascii="Times New Roman" w:hAnsi="Times New Roman" w:cs="Times New Roman"/>
          <w:sz w:val="24"/>
          <w:szCs w:val="24"/>
        </w:rPr>
        <w:t xml:space="preserve"> </w:t>
      </w:r>
      <w:r w:rsidRPr="00E10917">
        <w:rPr>
          <w:rFonts w:ascii="Times New Roman" w:hAnsi="Times New Roman" w:cs="Times New Roman"/>
          <w:sz w:val="24"/>
          <w:szCs w:val="24"/>
        </w:rPr>
        <w:t>following image below</w:t>
      </w:r>
      <w:r w:rsidR="00521BE6">
        <w:rPr>
          <w:rFonts w:ascii="Times New Roman" w:hAnsi="Times New Roman" w:cs="Times New Roman"/>
          <w:sz w:val="24"/>
          <w:szCs w:val="24"/>
        </w:rPr>
        <w:t>.</w:t>
      </w:r>
    </w:p>
    <w:p w14:paraId="674F19B2" w14:textId="2BE12424" w:rsidR="00BB19B5" w:rsidRPr="003851A5" w:rsidRDefault="00BB19B5" w:rsidP="003851A5">
      <w:pPr>
        <w:ind w:left="0"/>
      </w:pPr>
      <w:r>
        <w:rPr>
          <w:noProof/>
        </w:rPr>
        <w:lastRenderedPageBreak/>
        <w:drawing>
          <wp:inline distT="0" distB="0" distL="0" distR="0" wp14:anchorId="77343B29" wp14:editId="77BED539">
            <wp:extent cx="5981700" cy="3352564"/>
            <wp:effectExtent l="0" t="0" r="0" b="635"/>
            <wp:docPr id="1833806831" name="Picture 7" descr="A screen shot of a graph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33806831" name="Picture 7" descr="A screen shot of a graph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993493" cy="335917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9E0B065" w14:textId="5E48012A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3 &lt;Add context to this title&gt;</w:t>
      </w:r>
    </w:p>
    <w:p w14:paraId="4075E0AE" w14:textId="0BBB9D82" w:rsidR="00BB19B5" w:rsidRDefault="00BB19B5" w:rsidP="00BB19B5">
      <w:pPr>
        <w:ind w:left="0"/>
      </w:pPr>
      <w:r>
        <w:t>Keyword: 2 bedroom / pool / air-conditioning</w:t>
      </w:r>
    </w:p>
    <w:p w14:paraId="0F194FAD" w14:textId="736C81A7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24B6DBC8" wp14:editId="35C168C4">
            <wp:extent cx="3872152" cy="2233934"/>
            <wp:effectExtent l="0" t="0" r="0" b="0"/>
            <wp:docPr id="197667910" name="Picture 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7667910" name="Picture 8" descr="A screenshot of a computer&#10;&#10;Description automatically generated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875605" cy="22359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EF0AA4" w14:textId="44CE098C" w:rsidR="00BB19B5" w:rsidRDefault="00BB19B5" w:rsidP="00BB19B5">
      <w:pPr>
        <w:ind w:left="0"/>
      </w:pPr>
      <w:r>
        <w:rPr>
          <w:noProof/>
        </w:rPr>
        <w:lastRenderedPageBreak/>
        <w:drawing>
          <wp:inline distT="0" distB="0" distL="0" distR="0" wp14:anchorId="2F510EC3" wp14:editId="735203E2">
            <wp:extent cx="5430208" cy="3479742"/>
            <wp:effectExtent l="0" t="0" r="0" b="6985"/>
            <wp:docPr id="2076813098" name="Picture 9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76813098" name="Picture 2076813098" descr="Sydney Airbnb Listings - Personal - Microsoft​ Edge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432684" cy="34813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9113A2" w14:textId="3C3E9648" w:rsidR="00BB19B5" w:rsidRDefault="00BB19B5" w:rsidP="00BB19B5">
      <w:pPr>
        <w:ind w:left="0"/>
      </w:pPr>
      <w:r>
        <w:t>(Notice the changes before and after adding the keyword, the number or properties being given is now less than before)</w:t>
      </w:r>
    </w:p>
    <w:p w14:paraId="4E0E0873" w14:textId="6788EE6D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382D3604" wp14:editId="75CB9141">
            <wp:extent cx="4382814" cy="1889854"/>
            <wp:effectExtent l="0" t="0" r="0" b="0"/>
            <wp:docPr id="1114691680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4691680" name="Picture 1114691680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391897" cy="189377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360A28" w14:textId="76291F9C" w:rsidR="00BB19B5" w:rsidRDefault="00BB19B5" w:rsidP="00BB19B5">
      <w:pPr>
        <w:ind w:left="0"/>
      </w:pPr>
      <w:r>
        <w:t>(Air-conditioning keyword)</w:t>
      </w:r>
    </w:p>
    <w:p w14:paraId="44A7AD61" w14:textId="77777777" w:rsidR="00BB19B5" w:rsidRPr="00BB19B5" w:rsidRDefault="00BB19B5" w:rsidP="00BB19B5">
      <w:pPr>
        <w:ind w:left="0"/>
      </w:pPr>
    </w:p>
    <w:p w14:paraId="708C6815" w14:textId="2FD47B4C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>Analysis 4 &lt;Add context to this title&gt;</w:t>
      </w:r>
    </w:p>
    <w:p w14:paraId="40E39CF5" w14:textId="2E4DFE19" w:rsidR="00BB19B5" w:rsidRDefault="00BB19B5" w:rsidP="00BB19B5">
      <w:pPr>
        <w:ind w:left="0"/>
      </w:pPr>
      <w:r>
        <w:t>Cleanliness Comments:</w:t>
      </w:r>
    </w:p>
    <w:p w14:paraId="0CF4E66A" w14:textId="5FC66969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59C6CF10" wp14:editId="3C2D7F2B">
            <wp:extent cx="3291052" cy="1035486"/>
            <wp:effectExtent l="0" t="0" r="5080" b="0"/>
            <wp:docPr id="1329087855" name="Picture 15" descr="A screenshot of a video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9087855" name="Picture 15" descr="A screenshot of a video&#10;&#10;Description automatically generated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300166" cy="10383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C6FB3A2" w14:textId="596F7E51" w:rsidR="00BB19B5" w:rsidRP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254DD8D9" wp14:editId="003CC83D">
            <wp:extent cx="5943600" cy="3294380"/>
            <wp:effectExtent l="0" t="0" r="0" b="1270"/>
            <wp:docPr id="1357753206" name="Picture 16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7753206" name="Picture 16" descr="A screenshot of a computer&#10;&#10;Description automatically generated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943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C58427" w14:textId="5FEE3CCE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5 &lt;Add context to this title&gt;</w:t>
      </w:r>
    </w:p>
    <w:p w14:paraId="20BB83D3" w14:textId="1A9A2C46" w:rsidR="00BB19B5" w:rsidRDefault="00BB19B5" w:rsidP="00BB19B5">
      <w:pPr>
        <w:ind w:left="0"/>
      </w:pPr>
      <w:r>
        <w:t>Review score</w:t>
      </w:r>
    </w:p>
    <w:p w14:paraId="2CCD295E" w14:textId="092020A8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3091908B" wp14:editId="2ED40CDB">
            <wp:extent cx="5943600" cy="1001395"/>
            <wp:effectExtent l="0" t="0" r="0" b="8255"/>
            <wp:docPr id="1808448152" name="Picture 17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08448152" name="Picture 17" descr="A screenshot of a computer&#10;&#10;Description automatically generated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01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73C30A5" w14:textId="4DB79E2D" w:rsidR="00BB19B5" w:rsidRPr="00BB19B5" w:rsidRDefault="00BB19B5" w:rsidP="00BB19B5">
      <w:pPr>
        <w:ind w:left="0"/>
      </w:pPr>
    </w:p>
    <w:p w14:paraId="2937FBD9" w14:textId="77777777" w:rsidR="00ED34AE" w:rsidRPr="00ED34AE" w:rsidRDefault="00ED34AE" w:rsidP="00ED34AE"/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 w:rsidSect="00CC258A">
      <w:footerReference w:type="default" r:id="rId21"/>
      <w:footerReference w:type="first" r:id="rId22"/>
      <w:pgSz w:w="12240" w:h="15840"/>
      <w:pgMar w:top="1440" w:right="1440" w:bottom="1440" w:left="1440" w:header="720" w:footer="720" w:gutter="0"/>
      <w:pgBorders w:offsetFrom="page">
        <w:top w:val="thinThickSmallGap" w:sz="24" w:space="24" w:color="4472C4" w:themeColor="accent5"/>
        <w:left w:val="thinThickSmallGap" w:sz="24" w:space="24" w:color="4472C4" w:themeColor="accent5"/>
        <w:bottom w:val="thickThinSmallGap" w:sz="24" w:space="24" w:color="4472C4" w:themeColor="accent5"/>
        <w:right w:val="thickThinSmallGap" w:sz="24" w:space="24" w:color="4472C4" w:themeColor="accent5"/>
      </w:pgBorders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8696498" w14:textId="77777777" w:rsidR="003E70CA" w:rsidRDefault="003E70CA">
      <w:pPr>
        <w:spacing w:after="0" w:line="240" w:lineRule="auto"/>
      </w:pPr>
      <w:r>
        <w:separator/>
      </w:r>
    </w:p>
  </w:endnote>
  <w:endnote w:type="continuationSeparator" w:id="0">
    <w:p w14:paraId="045DAA70" w14:textId="77777777" w:rsidR="003E70CA" w:rsidRDefault="003E70C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75A482DA" w14:textId="77777777">
      <w:tc>
        <w:tcPr>
          <w:tcW w:w="4675" w:type="dxa"/>
        </w:tcPr>
        <w:p w14:paraId="041A8B5E" w14:textId="6AD2B3CA" w:rsidR="009000CE" w:rsidRDefault="00000000">
          <w:pPr>
            <w:pStyle w:val="Footer"/>
          </w:pPr>
          <w:sdt>
            <w:sdtPr>
              <w:alias w:val="Title"/>
              <w:tag w:val=""/>
              <w:id w:val="1099067567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1362401510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4675" w:type="dxa"/>
        </w:tcPr>
        <w:p w14:paraId="09615272" w14:textId="6D4936F9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521BE6">
            <w:rPr>
              <w:noProof/>
            </w:rPr>
            <w:t>1</w:t>
          </w:r>
          <w:r w:rsidR="00AD07E1">
            <w:rPr>
              <w:noProof/>
            </w:rPr>
            <w:fldChar w:fldCharType="end"/>
          </w:r>
        </w:p>
      </w:tc>
    </w:tr>
  </w:tbl>
  <w:p w14:paraId="433CE22D" w14:textId="77777777" w:rsidR="009000CE" w:rsidRDefault="009000C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FCDF8C0" w14:textId="3B0D8BDE" w:rsidR="009000CE" w:rsidRDefault="00000000">
    <w:pPr>
      <w:pStyle w:val="Footer"/>
    </w:pPr>
    <w:sdt>
      <w:sdtPr>
        <w:alias w:val="Title"/>
        <w:tag w:val=""/>
        <w:id w:val="-789737906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-1779181472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6960"/>
      <w:gridCol w:w="2400"/>
    </w:tblGrid>
    <w:tr w:rsidR="009000CE" w14:paraId="3A715BC8" w14:textId="77777777" w:rsidTr="003851A5">
      <w:tc>
        <w:tcPr>
          <w:tcW w:w="6960" w:type="dxa"/>
        </w:tcPr>
        <w:p w14:paraId="42E76A4C" w14:textId="77777777" w:rsidR="003851A5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</w:p>
        <w:p w14:paraId="42162423" w14:textId="159883A7" w:rsidR="009000CE" w:rsidRDefault="00184AA9" w:rsidP="003851A5">
          <w:pPr>
            <w:pStyle w:val="Footer"/>
            <w:tabs>
              <w:tab w:val="clear" w:pos="4680"/>
            </w:tabs>
            <w:ind w:right="237"/>
          </w:pPr>
          <w:r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56170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2400" w:type="dxa"/>
        </w:tcPr>
        <w:p w14:paraId="66753B50" w14:textId="2B7C544F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521BE6">
            <w:rPr>
              <w:noProof/>
            </w:rPr>
            <w:t>9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DB6F44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92420DB" w14:textId="77777777" w:rsidR="003E70CA" w:rsidRDefault="003E70CA">
      <w:pPr>
        <w:spacing w:after="0" w:line="240" w:lineRule="auto"/>
      </w:pPr>
      <w:r>
        <w:separator/>
      </w:r>
    </w:p>
  </w:footnote>
  <w:footnote w:type="continuationSeparator" w:id="0">
    <w:p w14:paraId="2B1259BA" w14:textId="77777777" w:rsidR="003E70CA" w:rsidRDefault="003E70C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0A704A8"/>
    <w:multiLevelType w:val="hybridMultilevel"/>
    <w:tmpl w:val="B42A3CA4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81691473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4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27185"/>
    <w:rsid w:val="00041250"/>
    <w:rsid w:val="000433E8"/>
    <w:rsid w:val="000450C1"/>
    <w:rsid w:val="00056170"/>
    <w:rsid w:val="000B208E"/>
    <w:rsid w:val="001544CD"/>
    <w:rsid w:val="00184AA9"/>
    <w:rsid w:val="00220601"/>
    <w:rsid w:val="0026625D"/>
    <w:rsid w:val="002D4235"/>
    <w:rsid w:val="003851A5"/>
    <w:rsid w:val="003E70CA"/>
    <w:rsid w:val="003F403D"/>
    <w:rsid w:val="003F5AC1"/>
    <w:rsid w:val="00406DF8"/>
    <w:rsid w:val="0042778F"/>
    <w:rsid w:val="00430435"/>
    <w:rsid w:val="00483A17"/>
    <w:rsid w:val="00521BE6"/>
    <w:rsid w:val="00657626"/>
    <w:rsid w:val="00767F60"/>
    <w:rsid w:val="00793874"/>
    <w:rsid w:val="007D6D6D"/>
    <w:rsid w:val="007E31C8"/>
    <w:rsid w:val="009000CE"/>
    <w:rsid w:val="0097144C"/>
    <w:rsid w:val="00A8315C"/>
    <w:rsid w:val="00AD07E1"/>
    <w:rsid w:val="00AE0CAF"/>
    <w:rsid w:val="00B20F29"/>
    <w:rsid w:val="00BB19B5"/>
    <w:rsid w:val="00BF1462"/>
    <w:rsid w:val="00C62F98"/>
    <w:rsid w:val="00CC258A"/>
    <w:rsid w:val="00D40B35"/>
    <w:rsid w:val="00DA026A"/>
    <w:rsid w:val="00DD0ACF"/>
    <w:rsid w:val="00DE4C03"/>
    <w:rsid w:val="00E02D3F"/>
    <w:rsid w:val="00E10917"/>
    <w:rsid w:val="00E71CA2"/>
    <w:rsid w:val="00EB32D6"/>
    <w:rsid w:val="00ED077C"/>
    <w:rsid w:val="00ED34AE"/>
    <w:rsid w:val="00EF1F30"/>
    <w:rsid w:val="00F9469A"/>
    <w:rsid w:val="00FD49F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  <w:rPr>
      <w:lang w:val="en-AU"/>
    </w:r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056170"/>
    <w:pPr>
      <w:contextualSpacing/>
    </w:pPr>
  </w:style>
  <w:style w:type="character" w:customStyle="1" w:styleId="s14">
    <w:name w:val="s14"/>
    <w:basedOn w:val="DefaultParagraphFont"/>
    <w:rsid w:val="00056170"/>
  </w:style>
  <w:style w:type="character" w:customStyle="1" w:styleId="apple-converted-space">
    <w:name w:val="apple-converted-space"/>
    <w:basedOn w:val="DefaultParagraphFont"/>
    <w:rsid w:val="0005617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36455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5743553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897414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1429407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2891410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184629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4.tmp"/><Relationship Id="rId18" Type="http://schemas.openxmlformats.org/officeDocument/2006/relationships/image" Target="media/image9.tmp"/><Relationship Id="rId3" Type="http://schemas.openxmlformats.org/officeDocument/2006/relationships/styles" Target="styles.xml"/><Relationship Id="rId21" Type="http://schemas.openxmlformats.org/officeDocument/2006/relationships/footer" Target="footer3.xml"/><Relationship Id="rId7" Type="http://schemas.openxmlformats.org/officeDocument/2006/relationships/endnotes" Target="endnotes.xml"/><Relationship Id="rId12" Type="http://schemas.openxmlformats.org/officeDocument/2006/relationships/image" Target="media/image3.tmp"/><Relationship Id="rId17" Type="http://schemas.openxmlformats.org/officeDocument/2006/relationships/image" Target="media/image8.tmp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7.tmp"/><Relationship Id="rId20" Type="http://schemas.openxmlformats.org/officeDocument/2006/relationships/image" Target="media/image11.tmp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tmp"/><Relationship Id="rId24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5" Type="http://schemas.openxmlformats.org/officeDocument/2006/relationships/image" Target="media/image6.tmp"/><Relationship Id="rId23" Type="http://schemas.openxmlformats.org/officeDocument/2006/relationships/fontTable" Target="fontTable.xml"/><Relationship Id="rId10" Type="http://schemas.openxmlformats.org/officeDocument/2006/relationships/image" Target="media/image1.tmp"/><Relationship Id="rId19" Type="http://schemas.openxmlformats.org/officeDocument/2006/relationships/image" Target="media/image10.tmp"/><Relationship Id="rId4" Type="http://schemas.openxmlformats.org/officeDocument/2006/relationships/settings" Target="settings.xml"/><Relationship Id="rId9" Type="http://schemas.openxmlformats.org/officeDocument/2006/relationships/footer" Target="footer2.xml"/><Relationship Id="rId14" Type="http://schemas.openxmlformats.org/officeDocument/2006/relationships/image" Target="media/image5.tmp"/><Relationship Id="rId22" Type="http://schemas.openxmlformats.org/officeDocument/2006/relationships/footer" Target="footer4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376F71"/>
    <w:rsid w:val="0060404B"/>
    <w:rsid w:val="00854693"/>
    <w:rsid w:val="00896C50"/>
    <w:rsid w:val="008C76F6"/>
    <w:rsid w:val="00A87883"/>
    <w:rsid w:val="00AF5826"/>
    <w:rsid w:val="00CA50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C:\Users\s2172046\AppData\Roaming\Microsoft\Templates\Term paper.dotx</Template>
  <TotalTime>127</TotalTime>
  <Pages>10</Pages>
  <Words>571</Words>
  <Characters>3256</Characters>
  <Application>Microsoft Office Word</Application>
  <DocSecurity>0</DocSecurity>
  <Lines>27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Sydney Airbnb&gt; Executive Summary</vt:lpstr>
    </vt:vector>
  </TitlesOfParts>
  <Company/>
  <LinksUpToDate>false</LinksUpToDate>
  <CharactersWithSpaces>38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Sydney Airbnb&gt; Executive Summary</dc:title>
  <dc:creator>Chelzie Castanares – s5259144, Thien Thao My Bui – s5273753</dc:creator>
  <cp:keywords/>
  <cp:lastModifiedBy>Chelzie Castanares</cp:lastModifiedBy>
  <cp:revision>37</cp:revision>
  <dcterms:created xsi:type="dcterms:W3CDTF">2017-08-28T03:16:00Z</dcterms:created>
  <dcterms:modified xsi:type="dcterms:W3CDTF">2023-10-15T05:32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